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832"/>
    <a:srgbClr val="1E32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6EEB203-B7AB-4070-BF18-58C083E9552A}" v="3" dt="2024-05-03T11:41:14.525"/>
    <p1510:client id="{EDBA5B0F-2E58-4579-A05C-8F22D88411FD}" v="31" dt="2024-05-03T11:34:10.57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>
        <p:scale>
          <a:sx n="100" d="100"/>
          <a:sy n="100" d="100"/>
        </p:scale>
        <p:origin x="912" y="31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ristabela Garnace" userId="997c92d6-c8db-4a35-a0be-1d48cc4c28a8" providerId="ADAL" clId="{36EEB203-B7AB-4070-BF18-58C083E9552A}"/>
    <pc:docChg chg="custSel modSld">
      <pc:chgData name="Kristabela Garnace" userId="997c92d6-c8db-4a35-a0be-1d48cc4c28a8" providerId="ADAL" clId="{36EEB203-B7AB-4070-BF18-58C083E9552A}" dt="2024-05-03T11:39:52.258" v="11" actId="34135"/>
      <pc:docMkLst>
        <pc:docMk/>
      </pc:docMkLst>
      <pc:sldChg chg="addSp delSp modSp mod">
        <pc:chgData name="Kristabela Garnace" userId="997c92d6-c8db-4a35-a0be-1d48cc4c28a8" providerId="ADAL" clId="{36EEB203-B7AB-4070-BF18-58C083E9552A}" dt="2024-05-03T11:38:44.297" v="5" actId="34135"/>
        <pc:sldMkLst>
          <pc:docMk/>
          <pc:sldMk cId="2748576720" sldId="257"/>
        </pc:sldMkLst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3" creationId="{4B8FD893-D988-594C-A568-5BCEC575C5A4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4" creationId="{B17441FC-E40F-196E-0302-C494946304D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5" creationId="{5343F856-735D-0D8B-B6CD-1BC341BC45CE}"/>
          </ac:spMkLst>
        </pc:spChg>
        <pc:spChg chg="add del mod">
          <ac:chgData name="Kristabela Garnace" userId="997c92d6-c8db-4a35-a0be-1d48cc4c28a8" providerId="ADAL" clId="{36EEB203-B7AB-4070-BF18-58C083E9552A}" dt="2024-05-03T11:37:54.981" v="1" actId="478"/>
          <ac:spMkLst>
            <pc:docMk/>
            <pc:sldMk cId="2748576720" sldId="257"/>
            <ac:spMk id="6" creationId="{8379EF77-E39C-454E-189F-64859B78066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18" creationId="{3303AB1C-A1C6-67B3-6D5F-F41ABB624B23}"/>
          </ac:spMkLst>
        </pc:spChg>
        <pc:spChg chg="del">
          <ac:chgData name="Kristabela Garnace" userId="997c92d6-c8db-4a35-a0be-1d48cc4c28a8" providerId="ADAL" clId="{36EEB203-B7AB-4070-BF18-58C083E9552A}" dt="2024-05-03T11:37:52.339" v="0" actId="478"/>
          <ac:spMkLst>
            <pc:docMk/>
            <pc:sldMk cId="2748576720" sldId="257"/>
            <ac:spMk id="35" creationId="{32CEF7D5-037E-404D-B964-AAAAD721CD04}"/>
          </ac:spMkLst>
        </pc:spChg>
        <pc:picChg chg="del">
          <ac:chgData name="Kristabela Garnace" userId="997c92d6-c8db-4a35-a0be-1d48cc4c28a8" providerId="ADAL" clId="{36EEB203-B7AB-4070-BF18-58C083E9552A}" dt="2024-05-03T11:37:52.339" v="0" actId="478"/>
          <ac:picMkLst>
            <pc:docMk/>
            <pc:sldMk cId="2748576720" sldId="257"/>
            <ac:picMk id="8" creationId="{D3CAE67F-6E8A-33C5-02F6-83877017632F}"/>
          </ac:picMkLst>
        </pc:picChg>
        <pc:picChg chg="add mod">
          <ac:chgData name="Kristabela Garnace" userId="997c92d6-c8db-4a35-a0be-1d48cc4c28a8" providerId="ADAL" clId="{36EEB203-B7AB-4070-BF18-58C083E9552A}" dt="2024-05-03T11:38:44.297" v="5" actId="34135"/>
          <ac:picMkLst>
            <pc:docMk/>
            <pc:sldMk cId="2748576720" sldId="257"/>
            <ac:picMk id="9" creationId="{34F779DA-5C51-BF63-6650-FF9C5DDFF43F}"/>
          </ac:picMkLst>
        </pc:picChg>
        <pc:picChg chg="del">
          <ac:chgData name="Kristabela Garnace" userId="997c92d6-c8db-4a35-a0be-1d48cc4c28a8" providerId="ADAL" clId="{36EEB203-B7AB-4070-BF18-58C083E9552A}" dt="2024-05-03T11:37:52.339" v="0" actId="478"/>
          <ac:picMkLst>
            <pc:docMk/>
            <pc:sldMk cId="2748576720" sldId="257"/>
            <ac:picMk id="12" creationId="{E06FB238-3A62-3E2D-1444-B3870DECE7A1}"/>
          </ac:picMkLst>
        </pc:picChg>
      </pc:sldChg>
      <pc:sldChg chg="addSp delSp modSp mod">
        <pc:chgData name="Kristabela Garnace" userId="997c92d6-c8db-4a35-a0be-1d48cc4c28a8" providerId="ADAL" clId="{36EEB203-B7AB-4070-BF18-58C083E9552A}" dt="2024-05-03T11:39:52.258" v="11" actId="34135"/>
        <pc:sldMkLst>
          <pc:docMk/>
          <pc:sldMk cId="245014488" sldId="273"/>
        </pc:sldMkLst>
        <pc:spChg chg="del">
          <ac:chgData name="Kristabela Garnace" userId="997c92d6-c8db-4a35-a0be-1d48cc4c28a8" providerId="ADAL" clId="{36EEB203-B7AB-4070-BF18-58C083E9552A}" dt="2024-05-03T11:39:10.479" v="7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Kristabela Garnace" userId="997c92d6-c8db-4a35-a0be-1d48cc4c28a8" providerId="ADAL" clId="{36EEB203-B7AB-4070-BF18-58C083E9552A}" dt="2024-05-03T11:39:10.479" v="7" actId="478"/>
          <ac:spMkLst>
            <pc:docMk/>
            <pc:sldMk cId="245014488" sldId="273"/>
            <ac:spMk id="35" creationId="{32CEF7D5-037E-404D-B964-AAAAD721CD04}"/>
          </ac:spMkLst>
        </pc:spChg>
        <pc:picChg chg="add mod">
          <ac:chgData name="Kristabela Garnace" userId="997c92d6-c8db-4a35-a0be-1d48cc4c28a8" providerId="ADAL" clId="{36EEB203-B7AB-4070-BF18-58C083E9552A}" dt="2024-05-03T11:39:52.258" v="11" actId="34135"/>
          <ac:picMkLst>
            <pc:docMk/>
            <pc:sldMk cId="245014488" sldId="273"/>
            <ac:picMk id="3" creationId="{FCF3915B-77E5-97B6-FB76-4E4006E3E4C1}"/>
          </ac:picMkLst>
        </pc:picChg>
        <pc:picChg chg="del mod">
          <ac:chgData name="Kristabela Garnace" userId="997c92d6-c8db-4a35-a0be-1d48cc4c28a8" providerId="ADAL" clId="{36EEB203-B7AB-4070-BF18-58C083E9552A}" dt="2024-05-03T11:39:10.479" v="7" actId="478"/>
          <ac:picMkLst>
            <pc:docMk/>
            <pc:sldMk cId="245014488" sldId="273"/>
            <ac:picMk id="4" creationId="{29FF22C3-D130-1F16-7394-0E2C24F599C8}"/>
          </ac:picMkLst>
        </pc:picChg>
      </pc:sldChg>
    </pc:docChg>
  </pc:docChgLst>
  <pc:docChgLst>
    <pc:chgData name="Kristabela Garnace" userId="997c92d6-c8db-4a35-a0be-1d48cc4c28a8" providerId="ADAL" clId="{535A3415-2C89-4EF4-AC6B-AA2D82C2AF7B}"/>
    <pc:docChg chg="undo custSel modSld">
      <pc:chgData name="Kristabela Garnace" userId="997c92d6-c8db-4a35-a0be-1d48cc4c28a8" providerId="ADAL" clId="{535A3415-2C89-4EF4-AC6B-AA2D82C2AF7B}" dt="2024-04-24T09:18:04.387" v="1" actId="1076"/>
      <pc:docMkLst>
        <pc:docMk/>
      </pc:docMkLst>
      <pc:sldChg chg="modSp mod">
        <pc:chgData name="Kristabela Garnace" userId="997c92d6-c8db-4a35-a0be-1d48cc4c28a8" providerId="ADAL" clId="{535A3415-2C89-4EF4-AC6B-AA2D82C2AF7B}" dt="2024-04-24T09:18:04.387" v="1" actId="1076"/>
        <pc:sldMkLst>
          <pc:docMk/>
          <pc:sldMk cId="245014488" sldId="273"/>
        </pc:sldMkLst>
        <pc:picChg chg="mod">
          <ac:chgData name="Kristabela Garnace" userId="997c92d6-c8db-4a35-a0be-1d48cc4c28a8" providerId="ADAL" clId="{535A3415-2C89-4EF4-AC6B-AA2D82C2AF7B}" dt="2024-04-24T09:18:04.387" v="1" actId="1076"/>
          <ac:picMkLst>
            <pc:docMk/>
            <pc:sldMk cId="245014488" sldId="273"/>
            <ac:picMk id="4" creationId="{29FF22C3-D130-1F16-7394-0E2C24F599C8}"/>
          </ac:picMkLst>
        </pc:picChg>
      </pc:sldChg>
    </pc:docChg>
  </pc:docChgLst>
  <pc:docChgLst>
    <pc:chgData name="Kristabela Garnace" userId="997c92d6-c8db-4a35-a0be-1d48cc4c28a8" providerId="ADAL" clId="{EDBA5B0F-2E58-4579-A05C-8F22D88411FD}"/>
    <pc:docChg chg="undo custSel addSld delSld modSld">
      <pc:chgData name="Kristabela Garnace" userId="997c92d6-c8db-4a35-a0be-1d48cc4c28a8" providerId="ADAL" clId="{EDBA5B0F-2E58-4579-A05C-8F22D88411FD}" dt="2024-05-03T11:35:14.923" v="199" actId="20577"/>
      <pc:docMkLst>
        <pc:docMk/>
      </pc:docMkLst>
      <pc:sldChg chg="addSp delSp modSp mod">
        <pc:chgData name="Kristabela Garnace" userId="997c92d6-c8db-4a35-a0be-1d48cc4c28a8" providerId="ADAL" clId="{EDBA5B0F-2E58-4579-A05C-8F22D88411FD}" dt="2024-05-03T11:26:39.765" v="132" actId="14430"/>
        <pc:sldMkLst>
          <pc:docMk/>
          <pc:sldMk cId="2748576720" sldId="257"/>
        </pc:sldMkLst>
        <pc:spChg chg="mod ord">
          <ac:chgData name="Kristabela Garnace" userId="997c92d6-c8db-4a35-a0be-1d48cc4c28a8" providerId="ADAL" clId="{EDBA5B0F-2E58-4579-A05C-8F22D88411FD}" dt="2024-05-03T11:15:23.497" v="126" actId="13244"/>
          <ac:spMkLst>
            <pc:docMk/>
            <pc:sldMk cId="2748576720" sldId="257"/>
            <ac:spMk id="3" creationId="{4B8FD893-D988-594C-A568-5BCEC575C5A4}"/>
          </ac:spMkLst>
        </pc:spChg>
        <pc:spChg chg="mod">
          <ac:chgData name="Kristabela Garnace" userId="997c92d6-c8db-4a35-a0be-1d48cc4c28a8" providerId="ADAL" clId="{EDBA5B0F-2E58-4579-A05C-8F22D88411FD}" dt="2024-05-03T11:10:39.087" v="97" actId="1076"/>
          <ac:spMkLst>
            <pc:docMk/>
            <pc:sldMk cId="2748576720" sldId="257"/>
            <ac:spMk id="4" creationId="{B17441FC-E40F-196E-0302-C494946304D3}"/>
          </ac:spMkLst>
        </pc:spChg>
        <pc:spChg chg="mod ord">
          <ac:chgData name="Kristabela Garnace" userId="997c92d6-c8db-4a35-a0be-1d48cc4c28a8" providerId="ADAL" clId="{EDBA5B0F-2E58-4579-A05C-8F22D88411FD}" dt="2024-05-03T11:25:48.489" v="128" actId="14100"/>
          <ac:spMkLst>
            <pc:docMk/>
            <pc:sldMk cId="2748576720" sldId="257"/>
            <ac:spMk id="5" creationId="{5343F856-735D-0D8B-B6CD-1BC341BC45CE}"/>
          </ac:spMkLst>
        </pc:spChg>
        <pc:spChg chg="mod ord modVis">
          <ac:chgData name="Kristabela Garnace" userId="997c92d6-c8db-4a35-a0be-1d48cc4c28a8" providerId="ADAL" clId="{EDBA5B0F-2E58-4579-A05C-8F22D88411FD}" dt="2024-05-03T11:26:39.765" v="132" actId="14430"/>
          <ac:spMkLst>
            <pc:docMk/>
            <pc:sldMk cId="2748576720" sldId="257"/>
            <ac:spMk id="16" creationId="{A8B114A4-2918-EB2B-8534-67CCE7C155A4}"/>
          </ac:spMkLst>
        </pc:spChg>
        <pc:spChg chg="mod">
          <ac:chgData name="Kristabela Garnace" userId="997c92d6-c8db-4a35-a0be-1d48cc4c28a8" providerId="ADAL" clId="{EDBA5B0F-2E58-4579-A05C-8F22D88411FD}" dt="2024-05-03T11:10:40.042" v="99" actId="1076"/>
          <ac:spMkLst>
            <pc:docMk/>
            <pc:sldMk cId="2748576720" sldId="257"/>
            <ac:spMk id="18" creationId="{3303AB1C-A1C6-67B3-6D5F-F41ABB624B23}"/>
          </ac:spMkLst>
        </pc:spChg>
        <pc:picChg chg="del ord">
          <ac:chgData name="Kristabela Garnace" userId="997c92d6-c8db-4a35-a0be-1d48cc4c28a8" providerId="ADAL" clId="{EDBA5B0F-2E58-4579-A05C-8F22D88411FD}" dt="2024-05-01T11:54:41.349" v="17" actId="478"/>
          <ac:picMkLst>
            <pc:docMk/>
            <pc:sldMk cId="2748576720" sldId="257"/>
            <ac:picMk id="2" creationId="{7E877F00-4ED8-1B71-E914-C3B6117E5A23}"/>
          </ac:picMkLst>
        </pc:picChg>
        <pc:picChg chg="del ord">
          <ac:chgData name="Kristabela Garnace" userId="997c92d6-c8db-4a35-a0be-1d48cc4c28a8" providerId="ADAL" clId="{EDBA5B0F-2E58-4579-A05C-8F22D88411FD}" dt="2024-05-01T11:55:46.062" v="31" actId="478"/>
          <ac:picMkLst>
            <pc:docMk/>
            <pc:sldMk cId="2748576720" sldId="257"/>
            <ac:picMk id="7" creationId="{B0272A9F-73E8-241D-EFAA-B7226B8D39A4}"/>
          </ac:picMkLst>
        </pc:picChg>
        <pc:picChg chg="add mod ord replST">
          <ac:chgData name="Kristabela Garnace" userId="997c92d6-c8db-4a35-a0be-1d48cc4c28a8" providerId="ADAL" clId="{EDBA5B0F-2E58-4579-A05C-8F22D88411FD}" dt="2024-05-03T11:12:41.677" v="111" actId="962"/>
          <ac:picMkLst>
            <pc:docMk/>
            <pc:sldMk cId="2748576720" sldId="257"/>
            <ac:picMk id="8" creationId="{D3CAE67F-6E8A-33C5-02F6-83877017632F}"/>
          </ac:picMkLst>
        </pc:picChg>
        <pc:picChg chg="add del mod">
          <ac:chgData name="Kristabela Garnace" userId="997c92d6-c8db-4a35-a0be-1d48cc4c28a8" providerId="ADAL" clId="{EDBA5B0F-2E58-4579-A05C-8F22D88411FD}" dt="2024-05-01T11:58:16.699" v="45" actId="478"/>
          <ac:picMkLst>
            <pc:docMk/>
            <pc:sldMk cId="2748576720" sldId="257"/>
            <ac:picMk id="10" creationId="{849CC39A-F41B-805A-0D35-CF32521B4DC3}"/>
          </ac:picMkLst>
        </pc:picChg>
        <pc:picChg chg="add mod ord modCrop">
          <ac:chgData name="Kristabela Garnace" userId="997c92d6-c8db-4a35-a0be-1d48cc4c28a8" providerId="ADAL" clId="{EDBA5B0F-2E58-4579-A05C-8F22D88411FD}" dt="2024-05-03T11:15:20.423" v="124" actId="13244"/>
          <ac:picMkLst>
            <pc:docMk/>
            <pc:sldMk cId="2748576720" sldId="257"/>
            <ac:picMk id="12" creationId="{E06FB238-3A62-3E2D-1444-B3870DECE7A1}"/>
          </ac:picMkLst>
        </pc:picChg>
      </pc:sldChg>
      <pc:sldChg chg="addSp delSp modSp mod">
        <pc:chgData name="Kristabela Garnace" userId="997c92d6-c8db-4a35-a0be-1d48cc4c28a8" providerId="ADAL" clId="{EDBA5B0F-2E58-4579-A05C-8F22D88411FD}" dt="2024-05-03T11:33:14.466" v="163" actId="207"/>
        <pc:sldMkLst>
          <pc:docMk/>
          <pc:sldMk cId="3035780936" sldId="271"/>
        </pc:sldMkLst>
        <pc:spChg chg="mod">
          <ac:chgData name="Kristabela Garnace" userId="997c92d6-c8db-4a35-a0be-1d48cc4c28a8" providerId="ADAL" clId="{EDBA5B0F-2E58-4579-A05C-8F22D88411FD}" dt="2024-05-03T11:28:17.221" v="143" actId="34135"/>
          <ac:spMkLst>
            <pc:docMk/>
            <pc:sldMk cId="3035780936" sldId="271"/>
            <ac:spMk id="3" creationId="{81AC7058-B3A9-4B5B-2A01-07F0A404A047}"/>
          </ac:spMkLst>
        </pc:spChg>
        <pc:spChg chg="mod">
          <ac:chgData name="Kristabela Garnace" userId="997c92d6-c8db-4a35-a0be-1d48cc4c28a8" providerId="ADAL" clId="{EDBA5B0F-2E58-4579-A05C-8F22D88411FD}" dt="2024-05-03T11:28:17.221" v="143" actId="34135"/>
          <ac:spMkLst>
            <pc:docMk/>
            <pc:sldMk cId="3035780936" sldId="271"/>
            <ac:spMk id="5" creationId="{8C2F15C8-4893-5703-E7FC-E8C0F7FE8EDB}"/>
          </ac:spMkLst>
        </pc:spChg>
        <pc:spChg chg="mod">
          <ac:chgData name="Kristabela Garnace" userId="997c92d6-c8db-4a35-a0be-1d48cc4c28a8" providerId="ADAL" clId="{EDBA5B0F-2E58-4579-A05C-8F22D88411FD}" dt="2024-05-03T11:29:11.054" v="144"/>
          <ac:spMkLst>
            <pc:docMk/>
            <pc:sldMk cId="3035780936" sldId="271"/>
            <ac:spMk id="6" creationId="{EDE03E55-B8CF-F2DD-7DB9-D0D4340F4751}"/>
          </ac:spMkLst>
        </pc:spChg>
        <pc:spChg chg="mod">
          <ac:chgData name="Kristabela Garnace" userId="997c92d6-c8db-4a35-a0be-1d48cc4c28a8" providerId="ADAL" clId="{EDBA5B0F-2E58-4579-A05C-8F22D88411FD}" dt="2024-05-03T11:29:35.315" v="147" actId="1076"/>
          <ac:spMkLst>
            <pc:docMk/>
            <pc:sldMk cId="3035780936" sldId="271"/>
            <ac:spMk id="7" creationId="{EE91777B-6D0B-EBC0-0E61-47C69AACDBDA}"/>
          </ac:spMkLst>
        </pc:spChg>
        <pc:spChg chg="mod">
          <ac:chgData name="Kristabela Garnace" userId="997c92d6-c8db-4a35-a0be-1d48cc4c28a8" providerId="ADAL" clId="{EDBA5B0F-2E58-4579-A05C-8F22D88411FD}" dt="2024-05-03T11:29:11.054" v="144"/>
          <ac:spMkLst>
            <pc:docMk/>
            <pc:sldMk cId="3035780936" sldId="271"/>
            <ac:spMk id="8" creationId="{8D5BB587-4218-6567-AA5E-120DDD0F77FB}"/>
          </ac:spMkLst>
        </pc:spChg>
        <pc:spChg chg="mod">
          <ac:chgData name="Kristabela Garnace" userId="997c92d6-c8db-4a35-a0be-1d48cc4c28a8" providerId="ADAL" clId="{EDBA5B0F-2E58-4579-A05C-8F22D88411FD}" dt="2024-05-03T11:32:41.384" v="162" actId="207"/>
          <ac:spMkLst>
            <pc:docMk/>
            <pc:sldMk cId="3035780936" sldId="271"/>
            <ac:spMk id="10" creationId="{B9258861-158E-8D2A-4B78-BA3D40E78F37}"/>
          </ac:spMkLst>
        </pc:spChg>
        <pc:spChg chg="mod">
          <ac:chgData name="Kristabela Garnace" userId="997c92d6-c8db-4a35-a0be-1d48cc4c28a8" providerId="ADAL" clId="{EDBA5B0F-2E58-4579-A05C-8F22D88411FD}" dt="2024-05-03T11:33:14.466" v="163" actId="207"/>
          <ac:spMkLst>
            <pc:docMk/>
            <pc:sldMk cId="3035780936" sldId="271"/>
            <ac:spMk id="11" creationId="{993731CD-1DE6-3499-BCCD-9CAAA5751DCD}"/>
          </ac:spMkLst>
        </pc:spChg>
        <pc:spChg chg="mod">
          <ac:chgData name="Kristabela Garnace" userId="997c92d6-c8db-4a35-a0be-1d48cc4c28a8" providerId="ADAL" clId="{EDBA5B0F-2E58-4579-A05C-8F22D88411FD}" dt="2024-05-03T11:30:11.476" v="149"/>
          <ac:spMkLst>
            <pc:docMk/>
            <pc:sldMk cId="3035780936" sldId="271"/>
            <ac:spMk id="12" creationId="{C0F12732-FA4C-2B64-1B92-8D871B6CEDC1}"/>
          </ac:spMkLst>
        </pc:spChg>
        <pc:grpChg chg="add del mod">
          <ac:chgData name="Kristabela Garnace" userId="997c92d6-c8db-4a35-a0be-1d48cc4c28a8" providerId="ADAL" clId="{EDBA5B0F-2E58-4579-A05C-8F22D88411FD}" dt="2024-05-03T11:30:13.483" v="150" actId="478"/>
          <ac:grpSpMkLst>
            <pc:docMk/>
            <pc:sldMk cId="3035780936" sldId="271"/>
            <ac:grpSpMk id="2" creationId="{0F9634E8-A16A-FB7A-0532-EA8364392E84}"/>
          </ac:grpSpMkLst>
        </pc:grpChg>
        <pc:grpChg chg="add mod">
          <ac:chgData name="Kristabela Garnace" userId="997c92d6-c8db-4a35-a0be-1d48cc4c28a8" providerId="ADAL" clId="{EDBA5B0F-2E58-4579-A05C-8F22D88411FD}" dt="2024-05-03T11:31:04.858" v="161" actId="14100"/>
          <ac:grpSpMkLst>
            <pc:docMk/>
            <pc:sldMk cId="3035780936" sldId="271"/>
            <ac:grpSpMk id="9" creationId="{58FBA586-AC7E-BE0A-D427-73F1C8746747}"/>
          </ac:grpSpMkLst>
        </pc:grpChg>
        <pc:picChg chg="mod">
          <ac:chgData name="Kristabela Garnace" userId="997c92d6-c8db-4a35-a0be-1d48cc4c28a8" providerId="ADAL" clId="{EDBA5B0F-2E58-4579-A05C-8F22D88411FD}" dt="2024-05-03T11:28:17.221" v="143" actId="34135"/>
          <ac:picMkLst>
            <pc:docMk/>
            <pc:sldMk cId="3035780936" sldId="271"/>
            <ac:picMk id="4" creationId="{B69E8A99-20F6-65C5-4810-51822F73699E}"/>
          </ac:picMkLst>
        </pc:picChg>
      </pc:sldChg>
      <pc:sldChg chg="modSp mod">
        <pc:chgData name="Kristabela Garnace" userId="997c92d6-c8db-4a35-a0be-1d48cc4c28a8" providerId="ADAL" clId="{EDBA5B0F-2E58-4579-A05C-8F22D88411FD}" dt="2024-05-03T11:35:14.923" v="199" actId="20577"/>
        <pc:sldMkLst>
          <pc:docMk/>
          <pc:sldMk cId="245014488" sldId="273"/>
        </pc:sldMkLst>
        <pc:spChg chg="mod">
          <ac:chgData name="Kristabela Garnace" userId="997c92d6-c8db-4a35-a0be-1d48cc4c28a8" providerId="ADAL" clId="{EDBA5B0F-2E58-4579-A05C-8F22D88411FD}" dt="2024-05-03T11:35:14.923" v="199" actId="20577"/>
          <ac:spMkLst>
            <pc:docMk/>
            <pc:sldMk cId="245014488" sldId="273"/>
            <ac:spMk id="17" creationId="{7E242B1F-447C-C2FD-5776-51AA6272A986}"/>
          </ac:spMkLst>
        </pc:spChg>
        <pc:picChg chg="mod">
          <ac:chgData name="Kristabela Garnace" userId="997c92d6-c8db-4a35-a0be-1d48cc4c28a8" providerId="ADAL" clId="{EDBA5B0F-2E58-4579-A05C-8F22D88411FD}" dt="2024-05-03T11:34:33.696" v="167" actId="14100"/>
          <ac:picMkLst>
            <pc:docMk/>
            <pc:sldMk cId="245014488" sldId="273"/>
            <ac:picMk id="4" creationId="{29FF22C3-D130-1F16-7394-0E2C24F599C8}"/>
          </ac:picMkLst>
        </pc:picChg>
      </pc:sldChg>
      <pc:sldChg chg="addSp delSp modSp mod">
        <pc:chgData name="Kristabela Garnace" userId="997c92d6-c8db-4a35-a0be-1d48cc4c28a8" providerId="ADAL" clId="{EDBA5B0F-2E58-4579-A05C-8F22D88411FD}" dt="2024-05-03T11:27:42.881" v="141" actId="20577"/>
        <pc:sldMkLst>
          <pc:docMk/>
          <pc:sldMk cId="789460267" sldId="274"/>
        </pc:sldMkLst>
        <pc:spChg chg="add del mod">
          <ac:chgData name="Kristabela Garnace" userId="997c92d6-c8db-4a35-a0be-1d48cc4c28a8" providerId="ADAL" clId="{EDBA5B0F-2E58-4579-A05C-8F22D88411FD}" dt="2024-05-03T11:10:00.028" v="83"/>
          <ac:spMkLst>
            <pc:docMk/>
            <pc:sldMk cId="789460267" sldId="274"/>
            <ac:spMk id="2" creationId="{10232BCC-1227-8868-CF3C-658CE956EFF4}"/>
          </ac:spMkLst>
        </pc:spChg>
        <pc:spChg chg="mod">
          <ac:chgData name="Kristabela Garnace" userId="997c92d6-c8db-4a35-a0be-1d48cc4c28a8" providerId="ADAL" clId="{EDBA5B0F-2E58-4579-A05C-8F22D88411FD}" dt="2024-05-03T11:27:42.881" v="141" actId="20577"/>
          <ac:spMkLst>
            <pc:docMk/>
            <pc:sldMk cId="789460267" sldId="274"/>
            <ac:spMk id="5" creationId="{3805FF7A-3484-1EDE-7EE4-BBE196BA4DB2}"/>
          </ac:spMkLst>
        </pc:spChg>
        <pc:spChg chg="mod">
          <ac:chgData name="Kristabela Garnace" userId="997c92d6-c8db-4a35-a0be-1d48cc4c28a8" providerId="ADAL" clId="{EDBA5B0F-2E58-4579-A05C-8F22D88411FD}" dt="2024-05-03T11:27:35.589" v="136" actId="34135"/>
          <ac:spMkLst>
            <pc:docMk/>
            <pc:sldMk cId="789460267" sldId="274"/>
            <ac:spMk id="7" creationId="{22BEFDDE-4F75-E4C1-D461-F2DC7262A728}"/>
          </ac:spMkLst>
        </pc:spChg>
        <pc:spChg chg="mod modVis">
          <ac:chgData name="Kristabela Garnace" userId="997c92d6-c8db-4a35-a0be-1d48cc4c28a8" providerId="ADAL" clId="{EDBA5B0F-2E58-4579-A05C-8F22D88411FD}" dt="2024-05-03T11:27:35.589" v="136" actId="34135"/>
          <ac:spMkLst>
            <pc:docMk/>
            <pc:sldMk cId="789460267" sldId="274"/>
            <ac:spMk id="11" creationId="{D7117594-489B-29F6-A61E-4717D1FEDA54}"/>
          </ac:spMkLst>
        </pc:spChg>
        <pc:picChg chg="mod ord modVis">
          <ac:chgData name="Kristabela Garnace" userId="997c92d6-c8db-4a35-a0be-1d48cc4c28a8" providerId="ADAL" clId="{EDBA5B0F-2E58-4579-A05C-8F22D88411FD}" dt="2024-05-03T11:27:35.589" v="136" actId="34135"/>
          <ac:picMkLst>
            <pc:docMk/>
            <pc:sldMk cId="789460267" sldId="274"/>
            <ac:picMk id="3" creationId="{517B06AD-F5BD-4BA8-22C8-3AE4D888444E}"/>
          </ac:picMkLst>
        </pc:picChg>
        <pc:picChg chg="add del mod">
          <ac:chgData name="Kristabela Garnace" userId="997c92d6-c8db-4a35-a0be-1d48cc4c28a8" providerId="ADAL" clId="{EDBA5B0F-2E58-4579-A05C-8F22D88411FD}" dt="2024-05-03T11:10:00.028" v="83"/>
          <ac:picMkLst>
            <pc:docMk/>
            <pc:sldMk cId="789460267" sldId="274"/>
            <ac:picMk id="4" creationId="{05F85BCB-0EC5-6553-428F-9A93EF8F8C4C}"/>
          </ac:picMkLst>
        </pc:picChg>
        <pc:picChg chg="add del mod">
          <ac:chgData name="Kristabela Garnace" userId="997c92d6-c8db-4a35-a0be-1d48cc4c28a8" providerId="ADAL" clId="{EDBA5B0F-2E58-4579-A05C-8F22D88411FD}" dt="2024-05-03T11:10:27.683" v="92" actId="478"/>
          <ac:picMkLst>
            <pc:docMk/>
            <pc:sldMk cId="789460267" sldId="274"/>
            <ac:picMk id="6" creationId="{FC4931E6-6F4D-D900-7D38-5307963E292C}"/>
          </ac:picMkLst>
        </pc:picChg>
      </pc:sldChg>
      <pc:sldChg chg="addSp modSp new del mod">
        <pc:chgData name="Kristabela Garnace" userId="997c92d6-c8db-4a35-a0be-1d48cc4c28a8" providerId="ADAL" clId="{EDBA5B0F-2E58-4579-A05C-8F22D88411FD}" dt="2024-05-03T11:26:27.062" v="131" actId="47"/>
        <pc:sldMkLst>
          <pc:docMk/>
          <pc:sldMk cId="2431472014" sldId="275"/>
        </pc:sldMkLst>
        <pc:picChg chg="add mod modCrop">
          <ac:chgData name="Kristabela Garnace" userId="997c92d6-c8db-4a35-a0be-1d48cc4c28a8" providerId="ADAL" clId="{EDBA5B0F-2E58-4579-A05C-8F22D88411FD}" dt="2024-05-03T11:26:20.886" v="130" actId="1076"/>
          <ac:picMkLst>
            <pc:docMk/>
            <pc:sldMk cId="2431472014" sldId="275"/>
            <ac:picMk id="3" creationId="{29A33E5B-99A4-9AC6-E08E-A6C113DEBB09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3/05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ata.org/en/events/all/legal-symposium/" TargetMode="External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29" hidden="1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pic>
        <p:nvPicPr>
          <p:cNvPr id="9" name="Picture 8" descr="A city next to water&#10;&#10;Description automatically generated">
            <a:extLst>
              <a:ext uri="{FF2B5EF4-FFF2-40B4-BE49-F238E27FC236}">
                <a16:creationId xmlns:a16="http://schemas.microsoft.com/office/drawing/2014/main" id="{34F779DA-5C51-BF63-6650-FF9C5DDFF43F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B69E8A99-20F6-65C5-4810-51822F73699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1196" y="3606312"/>
            <a:ext cx="4868930" cy="2743200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L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L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58FBA586-AC7E-BE0A-D427-73F1C8746747}"/>
              </a:ext>
            </a:extLst>
          </p:cNvPr>
          <p:cNvGrpSpPr>
            <a:grpSpLocks noChangeAspect="1"/>
          </p:cNvGrpSpPr>
          <p:nvPr/>
        </p:nvGrpSpPr>
        <p:grpSpPr>
          <a:xfrm>
            <a:off x="7060279" y="3962660"/>
            <a:ext cx="641288" cy="1280295"/>
            <a:chOff x="1306168" y="815353"/>
            <a:chExt cx="991737" cy="1979946"/>
          </a:xfrm>
        </p:grpSpPr>
        <p:sp>
          <p:nvSpPr>
            <p:cNvPr id="10" name="Freeform 5">
              <a:extLst>
                <a:ext uri="{FF2B5EF4-FFF2-40B4-BE49-F238E27FC236}">
                  <a16:creationId xmlns:a16="http://schemas.microsoft.com/office/drawing/2014/main" id="{B9258861-158E-8D2A-4B78-BA3D40E78F37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993731CD-1DE6-3499-BCCD-9CAAA5751DCD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C0F12732-FA4C-2B64-1B92-8D871B6CEDC1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-1"/>
            <a:ext cx="12190591" cy="6868291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city next to water&#10;&#10;Description automatically generated">
            <a:extLst>
              <a:ext uri="{FF2B5EF4-FFF2-40B4-BE49-F238E27FC236}">
                <a16:creationId xmlns:a16="http://schemas.microsoft.com/office/drawing/2014/main" id="{FCF3915B-77E5-97B6-FB76-4E4006E3E4C1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6978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Teammemberincharge xmlns="4ffaaae9-dc8c-459f-a92e-1529c78bcbdb" xsi:nil="true"/>
    <SharedWithUsers xmlns="86e16ca4-215f-4354-b2b5-4fac53992da1">
      <UserInfo>
        <DisplayName/>
        <AccountId xsi:nil="true"/>
        <AccountType/>
      </UserInfo>
    </SharedWithUsers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785CA80-EF52-427F-8104-EAEEED7FCB0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infopath/2007/PartnerControls"/>
    <ds:schemaRef ds:uri="http://purl.org/dc/terms/"/>
    <ds:schemaRef ds:uri="http://schemas.microsoft.com/office/2006/documentManagement/types"/>
    <ds:schemaRef ds:uri="86e16ca4-215f-4354-b2b5-4fac53992da1"/>
    <ds:schemaRef ds:uri="http://purl.org/dc/elements/1.1/"/>
    <ds:schemaRef ds:uri="http://schemas.microsoft.com/office/2006/metadata/properties"/>
    <ds:schemaRef ds:uri="da655568-1247-43c7-b5ce-0d71de2fb494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01</TotalTime>
  <Words>113</Words>
  <Application>Microsoft Office PowerPoint</Application>
  <PresentationFormat>Widescreen</PresentationFormat>
  <Paragraphs>9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LS 2025 - Promotional Kit</dc:title>
  <dc:creator>Christine Murphy</dc:creator>
  <cp:lastModifiedBy>Kristabela Garnace</cp:lastModifiedBy>
  <cp:revision>3</cp:revision>
  <dcterms:created xsi:type="dcterms:W3CDTF">2023-06-13T12:34:15Z</dcterms:created>
  <dcterms:modified xsi:type="dcterms:W3CDTF">2024-05-03T11:41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